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p w14:paraId="14A91BE6" w14:textId="77777777" w:rsidR="00020201" w:rsidRPr="002717F7" w:rsidRDefault="00FA74D9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14:paraId="36A0135B" w14:textId="77777777" w:rsidR="00020201" w:rsidRPr="002717F7" w:rsidRDefault="00437591"/>
    <w:p w14:paraId="36136ADE" w14:textId="77777777" w:rsidR="00020201" w:rsidRPr="00586B1F" w:rsidRDefault="00FA74D9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r w:rsidR="0038686E" w:rsidRPr="0038686E">
        <w:rPr>
          <w:sz w:val="22"/>
        </w:rPr>
        <w:t xml:space="preserve">Unlimited </w:t>
      </w:r>
      <w:proofErr w:type="spellStart"/>
      <w:r w:rsidR="0038686E" w:rsidRPr="0038686E">
        <w:rPr>
          <w:sz w:val="22"/>
        </w:rPr>
        <w:t>Travel</w:t>
      </w:r>
      <w:proofErr w:type="spellEnd"/>
      <w:r w:rsidR="0038686E" w:rsidRPr="0038686E">
        <w:rPr>
          <w:sz w:val="22"/>
        </w:rPr>
        <w:t xml:space="preserve"> Group UTG AB (</w:t>
      </w:r>
      <w:proofErr w:type="spellStart"/>
      <w:r w:rsidR="0038686E" w:rsidRPr="0038686E">
        <w:rPr>
          <w:sz w:val="22"/>
        </w:rPr>
        <w:t>publ</w:t>
      </w:r>
      <w:proofErr w:type="spellEnd"/>
      <w:r w:rsidR="0038686E" w:rsidRPr="0038686E">
        <w:rPr>
          <w:sz w:val="22"/>
        </w:rPr>
        <w:t>)</w:t>
      </w:r>
      <w:r w:rsidR="006C25CA">
        <w:rPr>
          <w:sz w:val="22"/>
        </w:rPr>
        <w:t>, org.</w:t>
      </w:r>
      <w:r w:rsidRPr="00EC78CB">
        <w:rPr>
          <w:sz w:val="22"/>
        </w:rPr>
        <w:t xml:space="preserve">nr </w:t>
      </w:r>
      <w:r w:rsidR="0038686E" w:rsidRPr="0038686E">
        <w:rPr>
          <w:sz w:val="22"/>
        </w:rPr>
        <w:t>556337-3835</w:t>
      </w:r>
      <w:r w:rsidRPr="00586B1F">
        <w:rPr>
          <w:sz w:val="22"/>
          <w:szCs w:val="22"/>
        </w:rPr>
        <w:t xml:space="preserve">, vid </w:t>
      </w:r>
      <w:r w:rsidR="002E67B2">
        <w:rPr>
          <w:sz w:val="22"/>
          <w:szCs w:val="22"/>
        </w:rPr>
        <w:t>extra bolagsstämma</w:t>
      </w:r>
      <w:r w:rsidRPr="00586B1F">
        <w:rPr>
          <w:sz w:val="22"/>
          <w:szCs w:val="22"/>
        </w:rPr>
        <w:t xml:space="preserve"> den </w:t>
      </w:r>
      <w:r w:rsidR="006C25CA">
        <w:rPr>
          <w:sz w:val="22"/>
          <w:szCs w:val="22"/>
        </w:rPr>
        <w:t>2 december</w:t>
      </w:r>
      <w:r w:rsidR="009969D0">
        <w:rPr>
          <w:sz w:val="22"/>
          <w:szCs w:val="22"/>
        </w:rPr>
        <w:t xml:space="preserve"> 20</w:t>
      </w:r>
      <w:r w:rsidR="00353C91">
        <w:rPr>
          <w:sz w:val="22"/>
          <w:szCs w:val="22"/>
        </w:rPr>
        <w:t>20</w:t>
      </w:r>
      <w:r w:rsidRPr="00586B1F">
        <w:rPr>
          <w:sz w:val="22"/>
          <w:szCs w:val="22"/>
        </w:rPr>
        <w:t>.</w:t>
      </w:r>
    </w:p>
    <w:p w14:paraId="21F79434" w14:textId="77777777" w:rsidR="00020201" w:rsidRPr="00B968E5" w:rsidRDefault="00437591">
      <w:pPr>
        <w:rPr>
          <w:sz w:val="22"/>
          <w:szCs w:val="22"/>
        </w:rPr>
      </w:pPr>
    </w:p>
    <w:p w14:paraId="31FD424B" w14:textId="77777777" w:rsidR="00020201" w:rsidRPr="00B968E5" w:rsidRDefault="00FA74D9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Ombud</w:t>
      </w:r>
    </w:p>
    <w:p w14:paraId="5BE501F3" w14:textId="77777777" w:rsidR="00020201" w:rsidRPr="00B968E5" w:rsidRDefault="00437591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304010" w14:paraId="7142C31C" w14:textId="77777777" w:rsidTr="00020201">
        <w:tc>
          <w:tcPr>
            <w:tcW w:w="4621" w:type="dxa"/>
            <w:shd w:val="clear" w:color="auto" w:fill="auto"/>
          </w:tcPr>
          <w:p w14:paraId="7B88A4C9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mbudets namn</w:t>
            </w:r>
          </w:p>
          <w:p w14:paraId="4426A73C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  <w:p w14:paraId="19EA7826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  <w:p w14:paraId="53100AFE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29828D2A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14:paraId="106E4466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14:paraId="5FD6B41D" w14:textId="77777777" w:rsidTr="00020201">
        <w:tc>
          <w:tcPr>
            <w:tcW w:w="9243" w:type="dxa"/>
            <w:gridSpan w:val="2"/>
            <w:shd w:val="clear" w:color="auto" w:fill="auto"/>
          </w:tcPr>
          <w:p w14:paraId="29440302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Utdelningsadress</w:t>
            </w:r>
          </w:p>
          <w:p w14:paraId="313424B1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  <w:p w14:paraId="38706049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  <w:p w14:paraId="4A2A9D05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14:paraId="0001C046" w14:textId="77777777" w:rsidTr="00020201">
        <w:tc>
          <w:tcPr>
            <w:tcW w:w="4621" w:type="dxa"/>
            <w:shd w:val="clear" w:color="auto" w:fill="auto"/>
          </w:tcPr>
          <w:p w14:paraId="4AC89A92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ostnummer och postadress</w:t>
            </w:r>
          </w:p>
          <w:p w14:paraId="0CDEAB4F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  <w:p w14:paraId="555EA820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  <w:p w14:paraId="2B64B6D5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51C6CFBC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14:paraId="531C4EA4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</w:tc>
      </w:tr>
    </w:tbl>
    <w:p w14:paraId="5E39F6F9" w14:textId="77777777" w:rsidR="00020201" w:rsidRPr="00B968E5" w:rsidRDefault="00437591">
      <w:pPr>
        <w:rPr>
          <w:b/>
          <w:bCs/>
          <w:sz w:val="22"/>
          <w:szCs w:val="22"/>
        </w:rPr>
      </w:pPr>
    </w:p>
    <w:p w14:paraId="70C49B7A" w14:textId="77777777" w:rsidR="00020201" w:rsidRPr="00B968E5" w:rsidRDefault="00437591">
      <w:pPr>
        <w:rPr>
          <w:b/>
          <w:bCs/>
          <w:sz w:val="22"/>
          <w:szCs w:val="22"/>
        </w:rPr>
      </w:pPr>
    </w:p>
    <w:p w14:paraId="418D8A09" w14:textId="77777777" w:rsidR="00020201" w:rsidRPr="00B968E5" w:rsidRDefault="00FA74D9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Underskrift av aktieägaren</w:t>
      </w:r>
    </w:p>
    <w:p w14:paraId="6DF558B4" w14:textId="77777777" w:rsidR="00020201" w:rsidRPr="00B968E5" w:rsidRDefault="00437591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304010" w14:paraId="48B19631" w14:textId="77777777" w:rsidTr="00020201">
        <w:tc>
          <w:tcPr>
            <w:tcW w:w="4621" w:type="dxa"/>
            <w:shd w:val="clear" w:color="auto" w:fill="auto"/>
          </w:tcPr>
          <w:p w14:paraId="7858DEA2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Aktieägarens namn</w:t>
            </w:r>
          </w:p>
          <w:p w14:paraId="0461E6C4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  <w:p w14:paraId="3ADE8EB2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  <w:p w14:paraId="071523ED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510FE5BB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14:paraId="69ED1E55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14:paraId="1ACDDA5B" w14:textId="77777777" w:rsidTr="00020201">
        <w:tc>
          <w:tcPr>
            <w:tcW w:w="4621" w:type="dxa"/>
            <w:shd w:val="clear" w:color="auto" w:fill="auto"/>
          </w:tcPr>
          <w:p w14:paraId="5FDBC48B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rt och datum</w:t>
            </w:r>
          </w:p>
          <w:p w14:paraId="0D0FF42C" w14:textId="77777777" w:rsidR="00020201" w:rsidRPr="002717F7" w:rsidRDefault="00437591">
            <w:pPr>
              <w:rPr>
                <w:sz w:val="20"/>
                <w:szCs w:val="20"/>
              </w:rPr>
            </w:pPr>
          </w:p>
          <w:p w14:paraId="3816F023" w14:textId="77777777" w:rsidR="00020201" w:rsidRPr="002717F7" w:rsidRDefault="00437591">
            <w:pPr>
              <w:rPr>
                <w:sz w:val="20"/>
                <w:szCs w:val="20"/>
              </w:rPr>
            </w:pPr>
          </w:p>
          <w:p w14:paraId="63073260" w14:textId="77777777" w:rsidR="00020201" w:rsidRPr="002717F7" w:rsidRDefault="00437591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2624678A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14:paraId="5DA4EABA" w14:textId="77777777" w:rsidR="00020201" w:rsidRPr="002717F7" w:rsidRDefault="00437591">
            <w:pPr>
              <w:rPr>
                <w:sz w:val="20"/>
                <w:szCs w:val="20"/>
              </w:rPr>
            </w:pPr>
          </w:p>
        </w:tc>
      </w:tr>
      <w:tr w:rsidR="00304010" w14:paraId="73CD01D0" w14:textId="77777777" w:rsidTr="00020201">
        <w:tc>
          <w:tcPr>
            <w:tcW w:w="9243" w:type="dxa"/>
            <w:gridSpan w:val="2"/>
            <w:shd w:val="clear" w:color="auto" w:fill="auto"/>
          </w:tcPr>
          <w:p w14:paraId="663EA767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Namnteckning*</w:t>
            </w:r>
          </w:p>
          <w:p w14:paraId="0CA90C2A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  <w:p w14:paraId="4C445065" w14:textId="77777777" w:rsidR="00020201" w:rsidRPr="002717F7" w:rsidRDefault="00437591">
            <w:pPr>
              <w:rPr>
                <w:b/>
                <w:bCs/>
                <w:sz w:val="20"/>
                <w:szCs w:val="20"/>
              </w:rPr>
            </w:pPr>
          </w:p>
        </w:tc>
      </w:tr>
    </w:tbl>
    <w:p w14:paraId="1ACB8193" w14:textId="77777777" w:rsidR="00020201" w:rsidRPr="00586B1F" w:rsidRDefault="006C26F5">
      <w:pPr>
        <w:rPr>
          <w:sz w:val="20"/>
          <w:szCs w:val="20"/>
        </w:rPr>
      </w:pPr>
      <w:r>
        <w:rPr>
          <w:sz w:val="20"/>
          <w:szCs w:val="20"/>
        </w:rPr>
        <w:t>* Vid firmateckning ska</w:t>
      </w:r>
      <w:r w:rsidR="00FA74D9" w:rsidRPr="00586B1F">
        <w:rPr>
          <w:sz w:val="20"/>
          <w:szCs w:val="20"/>
        </w:rPr>
        <w:t xml:space="preserve"> namnförtydligande anges vid namnteckningen och aktuellt registreringsbevis </w:t>
      </w:r>
      <w:r w:rsidR="00FA74D9">
        <w:rPr>
          <w:sz w:val="20"/>
          <w:szCs w:val="20"/>
        </w:rPr>
        <w:t xml:space="preserve">(eller motsvarande handling) </w:t>
      </w:r>
      <w:r w:rsidR="00FA74D9" w:rsidRPr="00586B1F">
        <w:rPr>
          <w:sz w:val="20"/>
          <w:szCs w:val="20"/>
        </w:rPr>
        <w:t xml:space="preserve">biläggas det ifyllda fullmaktsformuläret. </w:t>
      </w:r>
    </w:p>
    <w:p w14:paraId="0C36A55E" w14:textId="77777777" w:rsidR="00020201" w:rsidRPr="002717F7" w:rsidRDefault="00437591"/>
    <w:p w14:paraId="2772CD22" w14:textId="77777777" w:rsidR="00020201" w:rsidRPr="00B968E5" w:rsidRDefault="00FA74D9" w:rsidP="003F4054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Observera att anmälan om aktieägares deltagande vid bolagsstämman måste ske på det sätt som föreskrivs i kallelsen även om aktieägaren önskar utöva sin rösträtt genom ombud. Inskickat fullmaktsformulär gäller </w:t>
      </w:r>
      <w:r w:rsidRPr="00B968E5">
        <w:rPr>
          <w:sz w:val="20"/>
          <w:szCs w:val="20"/>
          <w:u w:val="single"/>
        </w:rPr>
        <w:t>inte</w:t>
      </w:r>
      <w:r w:rsidRPr="00B968E5">
        <w:rPr>
          <w:sz w:val="20"/>
          <w:szCs w:val="20"/>
        </w:rPr>
        <w:t xml:space="preserve"> som anmälan till bolagsstämman.</w:t>
      </w:r>
    </w:p>
    <w:p w14:paraId="7A345DDA" w14:textId="77777777" w:rsidR="003F4054" w:rsidRPr="00B968E5" w:rsidRDefault="00437591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</w:p>
    <w:p w14:paraId="46015F7E" w14:textId="77777777" w:rsidR="00020201" w:rsidRDefault="00FA74D9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Det ifyllda fullmaktsformuläret (med eventuella bilagor) bör sändas till </w:t>
      </w:r>
      <w:r w:rsidR="0038686E" w:rsidRPr="0038686E">
        <w:rPr>
          <w:sz w:val="20"/>
          <w:szCs w:val="20"/>
        </w:rPr>
        <w:t xml:space="preserve">Unlimited </w:t>
      </w:r>
      <w:proofErr w:type="spellStart"/>
      <w:r w:rsidR="0038686E" w:rsidRPr="0038686E">
        <w:rPr>
          <w:sz w:val="20"/>
          <w:szCs w:val="20"/>
        </w:rPr>
        <w:t>Travel</w:t>
      </w:r>
      <w:proofErr w:type="spellEnd"/>
      <w:r w:rsidR="0038686E" w:rsidRPr="0038686E">
        <w:rPr>
          <w:sz w:val="20"/>
          <w:szCs w:val="20"/>
        </w:rPr>
        <w:t xml:space="preserve"> Group UTG AB, Norrtullsgatan 12A, 113 27 Stockholm</w:t>
      </w:r>
      <w:r w:rsidR="005A7937" w:rsidRPr="00B968E5">
        <w:rPr>
          <w:sz w:val="20"/>
          <w:szCs w:val="20"/>
        </w:rPr>
        <w:t xml:space="preserve">, </w:t>
      </w:r>
      <w:r w:rsidRPr="00B968E5">
        <w:rPr>
          <w:sz w:val="20"/>
          <w:szCs w:val="20"/>
        </w:rPr>
        <w:t xml:space="preserve">tillsammans med anmälan om deltagande i god tid före stämman. Om aktieägaren </w:t>
      </w:r>
      <w:r w:rsidRPr="00B968E5">
        <w:rPr>
          <w:sz w:val="20"/>
          <w:szCs w:val="20"/>
          <w:u w:val="single"/>
        </w:rPr>
        <w:t>inte</w:t>
      </w:r>
      <w:r w:rsidRPr="00B968E5">
        <w:rPr>
          <w:i/>
          <w:sz w:val="20"/>
          <w:szCs w:val="20"/>
        </w:rPr>
        <w:t xml:space="preserve"> </w:t>
      </w:r>
      <w:r w:rsidRPr="00B968E5">
        <w:rPr>
          <w:sz w:val="20"/>
          <w:szCs w:val="20"/>
        </w:rPr>
        <w:t>önskar utöva sin rösträtt genom ombud behöver fullmaktsformuläret inte skickas in.</w:t>
      </w:r>
    </w:p>
    <w:p w14:paraId="3DB942CF" w14:textId="77777777" w:rsidR="00655D54" w:rsidRDefault="00655D54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</w:p>
    <w:p w14:paraId="0744D778" w14:textId="77777777" w:rsidR="00655D54" w:rsidRPr="002717F7" w:rsidRDefault="00655D54" w:rsidP="00655D54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655D54">
        <w:rPr>
          <w:sz w:val="20"/>
          <w:szCs w:val="20"/>
        </w:rPr>
        <w:t xml:space="preserve">För information om hur dina personuppgifter behandlas hänvisas till den integritetspolicy som finns tillgänglig på </w:t>
      </w:r>
      <w:proofErr w:type="spellStart"/>
      <w:r w:rsidRPr="00655D54">
        <w:rPr>
          <w:sz w:val="20"/>
          <w:szCs w:val="20"/>
        </w:rPr>
        <w:t>Euroclear</w:t>
      </w:r>
      <w:proofErr w:type="spellEnd"/>
      <w:r w:rsidRPr="00655D54">
        <w:rPr>
          <w:sz w:val="20"/>
          <w:szCs w:val="20"/>
        </w:rPr>
        <w:t xml:space="preserve"> Sweden AB:s hemsida: www.euroclear.com/dam/ESw/Legal/Integritetspolicy-bolagsstammorsvenska.pdf.</w:t>
      </w:r>
    </w:p>
    <w:sectPr w:rsidR="00655D54" w:rsidRPr="002717F7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45E79E19" w14:textId="77777777" w:rsidR="0075473D" w:rsidRDefault="00FA74D9">
      <w:r>
        <w:separator/>
      </w:r>
    </w:p>
  </w:endnote>
  <w:endnote w:type="continuationSeparator" w:id="0">
    <w:p w14:paraId="2B93320C" w14:textId="77777777" w:rsidR="0075473D" w:rsidRDefault="00FA74D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50F7AD7" w14:textId="77777777" w:rsidR="00020201" w:rsidRDefault="00437591">
    <w:pPr>
      <w:pStyle w:val="Sidfot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7C4F1D21" w14:textId="77777777">
      <w:tc>
        <w:tcPr>
          <w:tcW w:w="2000" w:type="pct"/>
          <w:vAlign w:val="bottom"/>
        </w:tcPr>
        <w:p w14:paraId="1DE86D76" w14:textId="77777777" w:rsidR="00020201" w:rsidRDefault="00FA74D9">
          <w:pPr>
            <w:pStyle w:val="Sidfot"/>
          </w:pPr>
          <w:r>
            <w:t>2011-12-30 15:25 (2K)</w:t>
          </w:r>
        </w:p>
        <w:p w14:paraId="78BC1C29" w14:textId="77777777" w:rsidR="00020201" w:rsidRDefault="00FA74D9" w:rsidP="00093537">
          <w:pPr>
            <w:pStyle w:val="Sidfot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14:paraId="639137FE" w14:textId="77777777" w:rsidR="00020201" w:rsidRDefault="00437591">
          <w:pPr>
            <w:pStyle w:val="WCPageNumber"/>
          </w:pPr>
        </w:p>
      </w:tc>
      <w:tc>
        <w:tcPr>
          <w:tcW w:w="2000" w:type="pct"/>
        </w:tcPr>
        <w:p w14:paraId="551E0914" w14:textId="77777777" w:rsidR="00020201" w:rsidRDefault="00437591">
          <w:pPr>
            <w:pStyle w:val="Sidfot"/>
            <w:jc w:val="right"/>
          </w:pPr>
        </w:p>
      </w:tc>
    </w:tr>
  </w:tbl>
  <w:p w14:paraId="021D652A" w14:textId="77777777" w:rsidR="00020201" w:rsidRDefault="00437591">
    <w:pPr>
      <w:pStyle w:val="Sidfot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7CA1B75C" w14:textId="77777777" w:rsidR="00020201" w:rsidRDefault="00437591">
    <w:pPr>
      <w:pStyle w:val="Sidfot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516E76E0" w14:textId="77777777">
      <w:tc>
        <w:tcPr>
          <w:tcW w:w="2000" w:type="pct"/>
          <w:vAlign w:val="bottom"/>
        </w:tcPr>
        <w:p w14:paraId="630450D6" w14:textId="77777777" w:rsidR="00020201" w:rsidRDefault="00FA74D9">
          <w:pPr>
            <w:pStyle w:val="Sidfot"/>
          </w:pPr>
          <w:r>
            <w:t>2011-12-30 15:25 (2K)</w:t>
          </w:r>
        </w:p>
        <w:p w14:paraId="379E0ADE" w14:textId="77777777" w:rsidR="00020201" w:rsidRDefault="00FA74D9" w:rsidP="00093537">
          <w:pPr>
            <w:pStyle w:val="Sidfot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14:paraId="4513BA6B" w14:textId="77777777" w:rsidR="00020201" w:rsidRDefault="00FA74D9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14:paraId="20E3778F" w14:textId="77777777" w:rsidR="00020201" w:rsidRDefault="00437591">
          <w:pPr>
            <w:pStyle w:val="Sidfot"/>
            <w:jc w:val="right"/>
          </w:pPr>
        </w:p>
      </w:tc>
    </w:tr>
  </w:tbl>
  <w:p w14:paraId="15D3459F" w14:textId="77777777" w:rsidR="00627517" w:rsidRDefault="00FA74D9">
    <w:pPr>
      <w:pStyle w:val="Sidfot"/>
      <w:rPr>
        <w:sz w:val="8"/>
      </w:rPr>
    </w:pPr>
    <w:r>
      <w:rPr>
        <w:sz w:val="8"/>
      </w:rPr>
      <w:t>1741917-v1\STODMS</w:t>
    </w:r>
  </w:p>
  <w:p w14:paraId="65229ADC" w14:textId="77777777" w:rsidR="00020201" w:rsidRDefault="00627517" w:rsidP="00627517">
    <w:pPr>
      <w:pStyle w:val="Sidfot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627517">
      <w:rPr>
        <w:sz w:val="14"/>
      </w:rPr>
      <w:instrText>IF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VARIABLE "SWDocIDLocation" </w:instrText>
    </w:r>
    <w:r w:rsidRPr="00627517">
      <w:rPr>
        <w:sz w:val="14"/>
      </w:rPr>
      <w:fldChar w:fldCharType="separate"/>
    </w:r>
    <w:r w:rsidR="0048212E">
      <w:rPr>
        <w:sz w:val="14"/>
      </w:rPr>
      <w:instrText>1</w:instrText>
    </w:r>
    <w:r w:rsidRPr="00627517">
      <w:rPr>
        <w:sz w:val="14"/>
      </w:rPr>
      <w:fldChar w:fldCharType="end"/>
    </w:r>
    <w:r w:rsidRPr="00627517">
      <w:rPr>
        <w:sz w:val="14"/>
      </w:rPr>
      <w:instrText>" = "1"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PROPERTY "SWDocID" </w:instrText>
    </w:r>
    <w:r w:rsidRPr="00627517">
      <w:rPr>
        <w:sz w:val="14"/>
      </w:rPr>
      <w:fldChar w:fldCharType="separate"/>
    </w:r>
    <w:r w:rsidR="0048212E">
      <w:rPr>
        <w:sz w:val="14"/>
      </w:rPr>
      <w:instrText>2748307-v1\STODMS</w:instrText>
    </w:r>
    <w:r w:rsidRPr="00627517">
      <w:rPr>
        <w:sz w:val="14"/>
      </w:rPr>
      <w:fldChar w:fldCharType="end"/>
    </w:r>
    <w:r w:rsidRPr="0062751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48212E">
      <w:rPr>
        <w:noProof/>
        <w:sz w:val="14"/>
      </w:rPr>
      <w:t>2748307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2F09569" w14:textId="77777777" w:rsidR="002E67B2" w:rsidRDefault="002E67B2">
    <w:pPr>
      <w:pStyle w:val="Sidfot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770AC904" w14:textId="77777777" w:rsidR="0075473D" w:rsidRDefault="00FA74D9">
      <w:r>
        <w:separator/>
      </w:r>
    </w:p>
  </w:footnote>
  <w:footnote w:type="continuationSeparator" w:id="0">
    <w:p w14:paraId="5A10B489" w14:textId="77777777" w:rsidR="0075473D" w:rsidRDefault="00FA74D9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47E6BB7B" w14:textId="77777777" w:rsidR="002E67B2" w:rsidRDefault="002E67B2">
    <w:pPr>
      <w:pStyle w:val="Sidhuvud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CD0110E" w14:textId="77777777" w:rsidR="002E67B2" w:rsidRDefault="002E67B2">
    <w:pPr>
      <w:pStyle w:val="Sidhuvud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228697F2" w14:textId="77777777" w:rsidR="002E67B2" w:rsidRDefault="002E67B2">
    <w:pPr>
      <w:pStyle w:val="Sidhuvud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100"/>
  <w:removePersonalInformation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3481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DMReference" w:val="400978233-v2\EMEA_DMS"/>
    <w:docVar w:name="OfficeIni" w:val="Stockholm - SWEDISH.ini"/>
    <w:docVar w:name="SWDocIDLayout" w:val="1"/>
    <w:docVar w:name="SWDocIDLocation" w:val="1"/>
  </w:docVars>
  <w:rsids>
    <w:rsidRoot w:val="00304010"/>
    <w:rsid w:val="00030BFC"/>
    <w:rsid w:val="00062C5A"/>
    <w:rsid w:val="001242AF"/>
    <w:rsid w:val="001637E0"/>
    <w:rsid w:val="002E67B2"/>
    <w:rsid w:val="00304010"/>
    <w:rsid w:val="00331333"/>
    <w:rsid w:val="00353C91"/>
    <w:rsid w:val="0038686E"/>
    <w:rsid w:val="003B722E"/>
    <w:rsid w:val="00437591"/>
    <w:rsid w:val="0048212E"/>
    <w:rsid w:val="00494869"/>
    <w:rsid w:val="004A2169"/>
    <w:rsid w:val="004A253A"/>
    <w:rsid w:val="0051799A"/>
    <w:rsid w:val="005A7937"/>
    <w:rsid w:val="005E3AC1"/>
    <w:rsid w:val="006065D5"/>
    <w:rsid w:val="00621916"/>
    <w:rsid w:val="00627517"/>
    <w:rsid w:val="00655D54"/>
    <w:rsid w:val="00691F48"/>
    <w:rsid w:val="006C25CA"/>
    <w:rsid w:val="006C26F5"/>
    <w:rsid w:val="006D193F"/>
    <w:rsid w:val="006D3CB7"/>
    <w:rsid w:val="006F40EA"/>
    <w:rsid w:val="0075473D"/>
    <w:rsid w:val="007C6ADD"/>
    <w:rsid w:val="00844A16"/>
    <w:rsid w:val="008612BC"/>
    <w:rsid w:val="00862EFC"/>
    <w:rsid w:val="00977D17"/>
    <w:rsid w:val="009969D0"/>
    <w:rsid w:val="009A6472"/>
    <w:rsid w:val="00AC3521"/>
    <w:rsid w:val="00AC4536"/>
    <w:rsid w:val="00B968E5"/>
    <w:rsid w:val="00BE3A4C"/>
    <w:rsid w:val="00D10639"/>
    <w:rsid w:val="00F04FB2"/>
    <w:rsid w:val="00FA74D9"/>
    <w:rsid w:val="00FC2296"/>
    <w:rsid w:val="00FC61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34817"/>
    <o:shapelayout v:ext="edit">
      <o:idmap v:ext="edit" data="1"/>
    </o:shapelayout>
  </w:shapeDefaults>
  <w:decimalSymbol w:val=","/>
  <w:listSeparator w:val=";"/>
  <w14:docId w14:val="5E2865B6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2" w:semiHidden="1" w:unhideWhenUsed="1"/>
    <w:lsdException w:name="Table Web 1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sz w:val="24"/>
      <w:szCs w:val="24"/>
      <w:lang w:eastAsia="en-US"/>
    </w:rPr>
  </w:style>
  <w:style w:type="character" w:default="1" w:styleId="Standardstycketeckensnitt">
    <w:name w:val="Default Paragraph Font"/>
    <w:uiPriority w:val="1"/>
    <w:semiHidden/>
    <w:unhideWhenUsed/>
  </w:style>
  <w:style w:type="table" w:default="1" w:styleId="Normaltabel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lista">
    <w:name w:val="No List"/>
    <w:uiPriority w:val="99"/>
    <w:semiHidden/>
    <w:unhideWhenUsed/>
  </w:style>
  <w:style w:type="paragraph" w:styleId="Sidhuvud">
    <w:name w:val="header"/>
    <w:basedOn w:val="Normal"/>
    <w:pPr>
      <w:tabs>
        <w:tab w:val="center" w:pos="4320"/>
        <w:tab w:val="right" w:pos="8640"/>
      </w:tabs>
    </w:pPr>
  </w:style>
  <w:style w:type="paragraph" w:customStyle="1" w:styleId="Text">
    <w:name w:val="Text"/>
    <w:basedOn w:val="BaseTimes"/>
    <w:pPr>
      <w:spacing w:after="240"/>
    </w:pPr>
  </w:style>
  <w:style w:type="paragraph" w:styleId="Sidfot">
    <w:name w:val="footer"/>
    <w:rPr>
      <w:sz w:val="12"/>
      <w:lang w:val="en-US" w:eastAsia="en-US"/>
    </w:rPr>
  </w:style>
  <w:style w:type="paragraph" w:styleId="Fotnotstext">
    <w:name w:val="footnote text"/>
    <w:basedOn w:val="Normal"/>
    <w:semiHidden/>
    <w:rPr>
      <w:sz w:val="20"/>
      <w:szCs w:val="20"/>
    </w:rPr>
  </w:style>
  <w:style w:type="character" w:styleId="Sidnummer">
    <w:name w:val="page number"/>
    <w:rPr>
      <w:sz w:val="24"/>
    </w:rPr>
  </w:style>
  <w:style w:type="paragraph" w:customStyle="1" w:styleId="WCPageNumber">
    <w:name w:val="WCPageNumber"/>
    <w:pPr>
      <w:jc w:val="center"/>
    </w:pPr>
    <w:rPr>
      <w:sz w:val="24"/>
      <w:lang w:val="en-US" w:eastAsia="en-US"/>
    </w:rPr>
  </w:style>
  <w:style w:type="paragraph" w:customStyle="1" w:styleId="BaseArial">
    <w:name w:val="BaseArial"/>
    <w:rPr>
      <w:rFonts w:ascii="Arial" w:hAnsi="Arial"/>
      <w:sz w:val="24"/>
      <w:lang w:eastAsia="en-US"/>
    </w:rPr>
  </w:style>
  <w:style w:type="paragraph" w:customStyle="1" w:styleId="BaseTimes">
    <w:name w:val="BaseTimes"/>
    <w:rPr>
      <w:sz w:val="24"/>
      <w:lang w:eastAsia="en-US"/>
    </w:rPr>
  </w:style>
  <w:style w:type="character" w:customStyle="1" w:styleId="CharBaseArial">
    <w:name w:val="CharBaseArial"/>
    <w:rPr>
      <w:rFonts w:ascii="Arial" w:hAnsi="Arial"/>
      <w:sz w:val="24"/>
      <w:lang w:val="sv-SE"/>
    </w:rPr>
  </w:style>
  <w:style w:type="character" w:customStyle="1" w:styleId="CharBaseTimes">
    <w:name w:val="CharBaseTimes"/>
    <w:rPr>
      <w:rFonts w:ascii="Times New Roman" w:hAnsi="Times New Roman"/>
      <w:sz w:val="24"/>
      <w:lang w:val="sv-SE"/>
    </w:rPr>
  </w:style>
  <w:style w:type="paragraph" w:customStyle="1" w:styleId="Rubrik11">
    <w:name w:val="Rubrik 11"/>
    <w:basedOn w:val="Text"/>
    <w:rPr>
      <w:rFonts w:ascii="Arial" w:hAnsi="Arial"/>
      <w:b/>
      <w:smallCaps/>
      <w:sz w:val="28"/>
      <w:szCs w:val="16"/>
    </w:rPr>
  </w:style>
  <w:style w:type="table" w:styleId="Tabellrutnt">
    <w:name w:val="Table Grid"/>
    <w:basedOn w:val="Normaltabel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ngtext">
    <w:name w:val="Balloon Text"/>
    <w:basedOn w:val="Normal"/>
    <w:link w:val="BallongtextChar"/>
    <w:rsid w:val="00382EBC"/>
    <w:rPr>
      <w:rFonts w:ascii="Tahoma" w:hAnsi="Tahoma" w:cs="Tahoma"/>
      <w:sz w:val="16"/>
      <w:szCs w:val="16"/>
    </w:rPr>
  </w:style>
  <w:style w:type="character" w:customStyle="1" w:styleId="BallongtextChar">
    <w:name w:val="Ballongtext Char"/>
    <w:basedOn w:val="Standardstycketeckensnitt"/>
    <w:link w:val="Ballongtext"/>
    <w:rsid w:val="00382EBC"/>
    <w:rPr>
      <w:rFonts w:ascii="Tahoma" w:hAnsi="Tahoma" w:cs="Tahoma"/>
      <w:sz w:val="16"/>
      <w:szCs w:val="16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171</Words>
  <Characters>1301</Characters>
  <Application>Microsoft Office Word</Application>
  <DocSecurity>4</DocSecurity>
  <Lines>10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
      </vt:lpstr>
    </vt:vector>
  </TitlesOfParts>
  <Manager/>
  <Company/>
  <LinksUpToDate>false</LinksUpToDate>
  <CharactersWithSpaces>147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keywords>
  </cp:keywords>
  <cp:lastModifiedBy/>
  <cp:revision>1</cp:revision>
  <dcterms:created xsi:type="dcterms:W3CDTF">2020-10-26T11:16:00Z</dcterms:created>
  <dcterms:modified xsi:type="dcterms:W3CDTF">2020-10-26T11:1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748307-v1\STODMS</vt:lpwstr>
  </property>
</Properties>
</file>